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267A7" w:rsidRDefault="005A452D">
      <w:r w:rsidRPr="005A452D">
        <w:rPr>
          <w:noProof/>
        </w:rPr>
        <w:drawing>
          <wp:inline distT="0" distB="0" distL="0" distR="0">
            <wp:extent cx="5943600" cy="7676452"/>
            <wp:effectExtent l="0" t="0" r="0" b="1270"/>
            <wp:docPr id="2" name="Picture 2" descr="C:\Users\i140420\Desktop\Kamran_DSP_4_14-2-19\fron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40420\Desktop\Kamran_DSP_4_14-2-19\front.JP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76764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267A7" w:rsidRDefault="00D267A7"/>
    <w:p w:rsidR="00D267A7" w:rsidRDefault="00D267A7"/>
    <w:p w:rsidR="00D267A7" w:rsidRDefault="00D267A7">
      <w:pPr>
        <w:rPr>
          <w:b/>
        </w:rPr>
      </w:pPr>
      <w:r w:rsidRPr="00D267A7">
        <w:rPr>
          <w:b/>
        </w:rPr>
        <w:t>Task1: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close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clc</w:t>
      </w:r>
      <w:proofErr w:type="spellEnd"/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clear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0:7;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(n&gt;0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).*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(n&lt;5);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h=((0.5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).*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).*((n&gt;0).*(n&lt;6));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conv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,h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311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n,x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input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index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Amplitudes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312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n,h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system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index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Amplitudes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313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l=length(x)+(length(h)-1);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0:(l-1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N,y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output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index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Amplitudes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32C3" w:rsidRDefault="00F732C3" w:rsidP="00F732C3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023C52" w:rsidRDefault="00023C52" w:rsidP="00023C5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D267A7" w:rsidRDefault="00D267A7">
      <w:pPr>
        <w:rPr>
          <w:b/>
        </w:rPr>
      </w:pPr>
    </w:p>
    <w:p w:rsidR="00D81208" w:rsidRDefault="00F732C3">
      <w:pPr>
        <w:rPr>
          <w:b/>
        </w:rPr>
      </w:pPr>
      <w:r w:rsidRPr="00F732C3">
        <w:rPr>
          <w:b/>
          <w:noProof/>
        </w:rPr>
        <w:lastRenderedPageBreak/>
        <w:drawing>
          <wp:inline distT="0" distB="0" distL="0" distR="0">
            <wp:extent cx="5334000" cy="4000500"/>
            <wp:effectExtent l="0" t="0" r="0" b="0"/>
            <wp:docPr id="1" name="Picture 1" descr="C:\Users\i140420\Desktop\Kamran_DSP_4_14-2-19\t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40420\Desktop\Kamran_DSP_4_14-2-19\t1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4000" cy="4000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407A4" w:rsidRDefault="00F407A4" w:rsidP="00F407A4">
      <w:pPr>
        <w:rPr>
          <w:b/>
        </w:rPr>
      </w:pPr>
      <w:r>
        <w:rPr>
          <w:b/>
        </w:rPr>
        <w:t>Task4</w:t>
      </w:r>
      <w:r w:rsidRPr="00D267A7">
        <w:rPr>
          <w:b/>
        </w:rPr>
        <w:t>: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close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0:100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0.05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h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0.47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1=sin(2*pi*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*n)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2=sin(2*pi*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h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*n)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x1+x2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m,w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x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411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/pi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),abs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(m)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input sig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a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=[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1]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M=2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=(ones(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1,M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)*(1/M)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=filter(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b,a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,x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k,w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1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y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412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1/pi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),abs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(k)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Mov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avg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fil 2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M=4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=(ones(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1,M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)*(1/M)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1=filter(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b,a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,x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lastRenderedPageBreak/>
        <w:t>[k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1,w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y1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413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2/pi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),abs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(k1)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Mov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avg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fil 4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M=10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=(ones(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1,M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)*(1/M)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2=filter(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b,a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,x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k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3,w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3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y2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414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3/pi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),abs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(k3)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Mov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avg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fil 10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AA6F7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A6F74" w:rsidRDefault="00AA6F74" w:rsidP="00F743C9">
      <w:pPr>
        <w:rPr>
          <w:b/>
        </w:rPr>
      </w:pPr>
      <w:r w:rsidRPr="00AA6F74">
        <w:rPr>
          <w:b/>
          <w:noProof/>
        </w:rPr>
        <w:drawing>
          <wp:inline distT="0" distB="0" distL="0" distR="0">
            <wp:extent cx="5943600" cy="2999661"/>
            <wp:effectExtent l="0" t="0" r="0" b="0"/>
            <wp:docPr id="3" name="Picture 3" descr="C:\Users\i140420\Desktop\Kamran_DSP_4_14-2-19\t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140420\Desktop\Kamran_DSP_4_14-2-19\t4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96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27DA0" w:rsidRPr="00B27DA0" w:rsidRDefault="00B27DA0" w:rsidP="00F743C9">
      <w:pPr>
        <w:rPr>
          <w:b/>
          <w:color w:val="FF0000"/>
        </w:rPr>
      </w:pPr>
      <w:r w:rsidRPr="00B27DA0">
        <w:rPr>
          <w:b/>
          <w:color w:val="FF0000"/>
        </w:rPr>
        <w:t>M=10 provides better magnitude attenuation.</w:t>
      </w:r>
    </w:p>
    <w:p w:rsidR="00F743C9" w:rsidRDefault="00F743C9" w:rsidP="00F743C9">
      <w:pPr>
        <w:rPr>
          <w:b/>
        </w:rPr>
      </w:pPr>
      <w:r>
        <w:rPr>
          <w:b/>
        </w:rPr>
        <w:t>Task5</w:t>
      </w:r>
      <w:r w:rsidRPr="00D267A7">
        <w:rPr>
          <w:b/>
        </w:rPr>
        <w:t>: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=[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.2403 2.4908 2.2403];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=[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1 0.4 0.75];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1=filter(b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1,a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1,x)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k,w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s1)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/pi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),abs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(k))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 xml:space="preserve">'Filter &amp;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fft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>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igure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imp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,y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impz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>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F2E51" w:rsidRDefault="004F2E51" w:rsidP="004F2E51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105845" w:rsidRDefault="004F2E51" w:rsidP="0010584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4F2E51">
        <w:rPr>
          <w:rFonts w:ascii="Courier New" w:hAnsi="Courier New" w:cs="Courier New"/>
          <w:noProof/>
          <w:sz w:val="24"/>
          <w:szCs w:val="24"/>
        </w:rPr>
        <w:lastRenderedPageBreak/>
        <w:drawing>
          <wp:inline distT="0" distB="0" distL="0" distR="0">
            <wp:extent cx="5334000" cy="4000500"/>
            <wp:effectExtent l="0" t="0" r="0" b="0"/>
            <wp:docPr id="6" name="Picture 6" descr="C:\Users\i140420\Desktop\Kamran_DSP_4_14-2-19\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140420\Desktop\Kamran_DSP_4_14-2-19\5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4000" cy="4000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2B2AF9" w:rsidRDefault="002B2AF9" w:rsidP="0010584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2B2AF9">
        <w:rPr>
          <w:rFonts w:ascii="Courier New" w:hAnsi="Courier New" w:cs="Courier New"/>
          <w:noProof/>
          <w:sz w:val="24"/>
          <w:szCs w:val="24"/>
        </w:rPr>
        <w:drawing>
          <wp:inline distT="0" distB="0" distL="0" distR="0">
            <wp:extent cx="5334000" cy="4000500"/>
            <wp:effectExtent l="0" t="0" r="0" b="0"/>
            <wp:docPr id="9" name="Picture 9" descr="C:\Users\i140420\Desktop\KamranDSP3A\t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i140420\Desktop\KamranDSP3A\t5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4000" cy="4000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57482" w:rsidRDefault="00057482" w:rsidP="00057482">
      <w:pPr>
        <w:rPr>
          <w:b/>
        </w:rPr>
      </w:pPr>
      <w:r>
        <w:rPr>
          <w:b/>
        </w:rPr>
        <w:t>Task6</w:t>
      </w:r>
      <w:r w:rsidRPr="00D267A7">
        <w:rPr>
          <w:b/>
        </w:rPr>
        <w:t>: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lastRenderedPageBreak/>
        <w:t>n=0:299;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cos((20*pi*n)/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250)+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cos((200*pi*n)/250);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a1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=[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1];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1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=[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0.5 0.27 0.77];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2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=[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0.45 0.5 0.45];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a2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=[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1 -0.53 +0.46];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1=filter(b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1,a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1,x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k,w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s1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11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/pi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),abs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(k)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FIR System 1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2=filter(b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2,a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,x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K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1,W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1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s2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12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1/pi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),abs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(K1)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IIR System 2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23702" w:rsidRDefault="00F23702" w:rsidP="00F23702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743C9" w:rsidRDefault="00F743C9">
      <w:pPr>
        <w:rPr>
          <w:b/>
        </w:rPr>
      </w:pPr>
    </w:p>
    <w:p w:rsidR="002B2AF9" w:rsidRDefault="002B2AF9">
      <w:pPr>
        <w:rPr>
          <w:b/>
          <w:noProof/>
        </w:rPr>
      </w:pPr>
    </w:p>
    <w:p w:rsidR="002B2AF9" w:rsidRDefault="002B2AF9">
      <w:pPr>
        <w:rPr>
          <w:b/>
          <w:noProof/>
        </w:rPr>
      </w:pPr>
    </w:p>
    <w:p w:rsidR="002B2AF9" w:rsidRDefault="002B2AF9">
      <w:pPr>
        <w:rPr>
          <w:b/>
          <w:noProof/>
        </w:rPr>
      </w:pPr>
    </w:p>
    <w:p w:rsidR="002B2AF9" w:rsidRDefault="002B2AF9">
      <w:pPr>
        <w:rPr>
          <w:b/>
          <w:noProof/>
        </w:rPr>
      </w:pPr>
    </w:p>
    <w:p w:rsidR="001D02ED" w:rsidRDefault="001D02ED">
      <w:pPr>
        <w:rPr>
          <w:b/>
          <w:noProof/>
        </w:rPr>
      </w:pPr>
    </w:p>
    <w:p w:rsidR="002B2AF9" w:rsidRDefault="00F23702">
      <w:pPr>
        <w:rPr>
          <w:b/>
        </w:rPr>
      </w:pPr>
      <w:r w:rsidRPr="00F23702">
        <w:rPr>
          <w:b/>
          <w:noProof/>
        </w:rPr>
        <w:drawing>
          <wp:inline distT="0" distB="0" distL="0" distR="0">
            <wp:extent cx="5943600" cy="2999661"/>
            <wp:effectExtent l="0" t="0" r="0" b="0"/>
            <wp:docPr id="5" name="Picture 5" descr="C:\Users\i140420\Desktop\Kamran_DSP_4_14-2-19\t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140420\Desktop\Kamran_DSP_4_14-2-19\t6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96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02ED" w:rsidRPr="001D02ED" w:rsidRDefault="001D02ED">
      <w:pPr>
        <w:rPr>
          <w:b/>
          <w:color w:val="FF0000"/>
        </w:rPr>
      </w:pPr>
      <w:r>
        <w:rPr>
          <w:b/>
          <w:color w:val="FF0000"/>
        </w:rPr>
        <w:t>IIR System</w:t>
      </w:r>
      <w:r w:rsidRPr="00B27DA0">
        <w:rPr>
          <w:b/>
          <w:color w:val="FF0000"/>
        </w:rPr>
        <w:t xml:space="preserve"> provides better magnitude attenuation.</w:t>
      </w:r>
    </w:p>
    <w:sectPr w:rsidR="001D02ED" w:rsidRPr="001D02ED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ctiveWritingStyle w:appName="MSWord" w:lang="en-US" w:vendorID="64" w:dllVersion="131078" w:nlCheck="1" w:checkStyle="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267A7"/>
    <w:rsid w:val="00023C52"/>
    <w:rsid w:val="00057482"/>
    <w:rsid w:val="00105845"/>
    <w:rsid w:val="001D02ED"/>
    <w:rsid w:val="002B2AF9"/>
    <w:rsid w:val="00376E2C"/>
    <w:rsid w:val="004F2E51"/>
    <w:rsid w:val="005A452D"/>
    <w:rsid w:val="00AA6F74"/>
    <w:rsid w:val="00B152CE"/>
    <w:rsid w:val="00B27DA0"/>
    <w:rsid w:val="00D144B9"/>
    <w:rsid w:val="00D267A7"/>
    <w:rsid w:val="00D81208"/>
    <w:rsid w:val="00F23702"/>
    <w:rsid w:val="00F407A4"/>
    <w:rsid w:val="00F732C3"/>
    <w:rsid w:val="00F743C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F94DF05"/>
  <w15:chartTrackingRefBased/>
  <w15:docId w15:val="{4420E688-E415-4CA4-966C-B57F53192EA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jpeg"/><Relationship Id="rId3" Type="http://schemas.openxmlformats.org/officeDocument/2006/relationships/webSettings" Target="webSettings.xml"/><Relationship Id="rId7" Type="http://schemas.openxmlformats.org/officeDocument/2006/relationships/image" Target="media/image4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11" Type="http://schemas.openxmlformats.org/officeDocument/2006/relationships/theme" Target="theme/theme1.xml"/><Relationship Id="rId5" Type="http://schemas.openxmlformats.org/officeDocument/2006/relationships/image" Target="media/image2.jpeg"/><Relationship Id="rId10" Type="http://schemas.openxmlformats.org/officeDocument/2006/relationships/fontTable" Target="fontTable.xml"/><Relationship Id="rId4" Type="http://schemas.openxmlformats.org/officeDocument/2006/relationships/image" Target="media/image1.jpeg"/><Relationship Id="rId9" Type="http://schemas.openxmlformats.org/officeDocument/2006/relationships/image" Target="media/image6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6</TotalTime>
  <Pages>6</Pages>
  <Words>255</Words>
  <Characters>1455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0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140420</dc:creator>
  <cp:keywords/>
  <dc:description/>
  <cp:lastModifiedBy>i140420</cp:lastModifiedBy>
  <cp:revision>19</cp:revision>
  <dcterms:created xsi:type="dcterms:W3CDTF">2018-02-15T09:21:00Z</dcterms:created>
  <dcterms:modified xsi:type="dcterms:W3CDTF">2019-02-14T11:21:00Z</dcterms:modified>
</cp:coreProperties>
</file>